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1929"/>
  <workbookPr/>
  <mc:AlternateContent xmlns:mc="http://schemas.openxmlformats.org/markup-compatibility/2006">
    <mc:Choice Requires="x15">
      <x15ac:absPath xmlns:x15ac="http://schemas.microsoft.com/office/spreadsheetml/2010/11/ac" url="C:\Users\i9706089\Desktop\統計書2021(R3)\02完了分\第3章 農業・漁業\02公表用（改定有）\"/>
    </mc:Choice>
  </mc:AlternateContent>
  <xr:revisionPtr revIDLastSave="0" documentId="13_ncr:1_{B3DECF7D-69E8-42CC-A506-9A10C220D052}" xr6:coauthVersionLast="44" xr6:coauthVersionMax="44" xr10:uidLastSave="{00000000-0000-0000-0000-000000000000}"/>
  <bookViews>
    <workbookView xWindow="-108" yWindow="-108" windowWidth="23256" windowHeight="12576" xr2:uid="{00000000-000D-0000-FFFF-FFFF00000000}"/>
  </bookViews>
  <sheets>
    <sheet name="２－３　主とする漁業種類別経営体数" sheetId="1" r:id="rId1"/>
  </sheets>
  <definedNames>
    <definedName name="_xlnm._FilterDatabase" localSheetId="0" hidden="1">'２－３　主とする漁業種類別経営体数'!$A$4:$V$40</definedName>
    <definedName name="_xlnm.Print_Area" localSheetId="0">'２－３　主とする漁業種類別経営体数'!$A$1:$V$40</definedName>
    <definedName name="_xlnm.Print_Titles" localSheetId="0">'２－３　主とする漁業種類別経営体数'!$1:$4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calcChain.xml><?xml version="1.0" encoding="utf-8"?>
<calcChain xmlns="http://schemas.openxmlformats.org/spreadsheetml/2006/main">
  <c r="D11" i="1" l="1"/>
  <c r="D14" i="1"/>
  <c r="D23" i="1"/>
</calcChain>
</file>

<file path=xl/sharedStrings.xml><?xml version="1.0" encoding="utf-8"?>
<sst xmlns="http://schemas.openxmlformats.org/spreadsheetml/2006/main" count="435" uniqueCount="51">
  <si>
    <t>-</t>
    <phoneticPr fontId="4"/>
  </si>
  <si>
    <t>浜益区</t>
    <rPh sb="0" eb="2">
      <t>ｈ</t>
    </rPh>
    <rPh sb="2" eb="3">
      <t>ク</t>
    </rPh>
    <phoneticPr fontId="4"/>
  </si>
  <si>
    <t>-</t>
    <phoneticPr fontId="4"/>
  </si>
  <si>
    <t>厚田区</t>
    <rPh sb="0" eb="2">
      <t>ア</t>
    </rPh>
    <rPh sb="2" eb="3">
      <t>ク</t>
    </rPh>
    <phoneticPr fontId="4"/>
  </si>
  <si>
    <t>石狩地区</t>
    <rPh sb="0" eb="1">
      <t>イシ</t>
    </rPh>
    <rPh sb="1" eb="2">
      <t>カリ</t>
    </rPh>
    <rPh sb="2" eb="4">
      <t>チク</t>
    </rPh>
    <phoneticPr fontId="4"/>
  </si>
  <si>
    <t>平成25年</t>
    <rPh sb="0" eb="2">
      <t>ｈ</t>
    </rPh>
    <rPh sb="4" eb="5">
      <t>ネン</t>
    </rPh>
    <phoneticPr fontId="4"/>
  </si>
  <si>
    <t>-</t>
    <phoneticPr fontId="4"/>
  </si>
  <si>
    <t>浜益村</t>
    <rPh sb="0" eb="2">
      <t>ｈ</t>
    </rPh>
    <rPh sb="2" eb="3">
      <t>ムラ</t>
    </rPh>
    <phoneticPr fontId="4"/>
  </si>
  <si>
    <t>厚田村</t>
    <rPh sb="0" eb="2">
      <t>ア</t>
    </rPh>
    <rPh sb="2" eb="3">
      <t>ムラ</t>
    </rPh>
    <phoneticPr fontId="4"/>
  </si>
  <si>
    <t>-</t>
  </si>
  <si>
    <t>石狩市</t>
    <rPh sb="0" eb="3">
      <t>イ</t>
    </rPh>
    <phoneticPr fontId="4"/>
  </si>
  <si>
    <t>-</t>
    <phoneticPr fontId="4"/>
  </si>
  <si>
    <t>石狩町</t>
    <rPh sb="0" eb="2">
      <t>イシカリ</t>
    </rPh>
    <rPh sb="2" eb="3">
      <t>マチ</t>
    </rPh>
    <phoneticPr fontId="4"/>
  </si>
  <si>
    <t>昭和63年</t>
    <rPh sb="0" eb="2">
      <t>ｓ</t>
    </rPh>
    <phoneticPr fontId="4"/>
  </si>
  <si>
    <t>昭和58年</t>
    <rPh sb="0" eb="2">
      <t>ショウワ</t>
    </rPh>
    <phoneticPr fontId="4"/>
  </si>
  <si>
    <t>昭和53年</t>
    <rPh sb="0" eb="2">
      <t>ショウワ</t>
    </rPh>
    <phoneticPr fontId="4"/>
  </si>
  <si>
    <t>昭和48年</t>
    <rPh sb="0" eb="2">
      <t>ショウワ</t>
    </rPh>
    <phoneticPr fontId="4"/>
  </si>
  <si>
    <t>昭和43年</t>
    <rPh sb="0" eb="2">
      <t>ショウワ</t>
    </rPh>
    <phoneticPr fontId="4"/>
  </si>
  <si>
    <t>昭和38年</t>
    <rPh sb="0" eb="2">
      <t>ショウワ</t>
    </rPh>
    <phoneticPr fontId="4"/>
  </si>
  <si>
    <t>内水面漁業養殖</t>
    <rPh sb="0" eb="2">
      <t>ナイスイメン</t>
    </rPh>
    <rPh sb="2" eb="3">
      <t>メン</t>
    </rPh>
    <rPh sb="3" eb="5">
      <t>ギョギョウ</t>
    </rPh>
    <rPh sb="5" eb="7">
      <t>ヨウショク</t>
    </rPh>
    <phoneticPr fontId="4"/>
  </si>
  <si>
    <t>その他の海面養殖</t>
    <rPh sb="2" eb="3">
      <t>タ</t>
    </rPh>
    <rPh sb="4" eb="6">
      <t>カイメン</t>
    </rPh>
    <rPh sb="6" eb="8">
      <t>ヨウショク</t>
    </rPh>
    <phoneticPr fontId="4"/>
  </si>
  <si>
    <t>その他の漁業</t>
    <rPh sb="2" eb="3">
      <t>タ</t>
    </rPh>
    <rPh sb="4" eb="6">
      <t>ギョギョウ</t>
    </rPh>
    <phoneticPr fontId="4"/>
  </si>
  <si>
    <t>採草（採藻）</t>
    <rPh sb="0" eb="1">
      <t>サイシュ</t>
    </rPh>
    <rPh sb="1" eb="2">
      <t>クサ</t>
    </rPh>
    <rPh sb="3" eb="4">
      <t>サイ</t>
    </rPh>
    <rPh sb="4" eb="5">
      <t>モ</t>
    </rPh>
    <phoneticPr fontId="4"/>
  </si>
  <si>
    <t>採貝</t>
    <rPh sb="0" eb="1">
      <t>サイシュ</t>
    </rPh>
    <rPh sb="1" eb="2">
      <t>カイ</t>
    </rPh>
    <phoneticPr fontId="4"/>
  </si>
  <si>
    <t>小型定置網</t>
    <rPh sb="0" eb="2">
      <t>コガタ</t>
    </rPh>
    <rPh sb="2" eb="5">
      <t>テイチアミ</t>
    </rPh>
    <phoneticPr fontId="4"/>
  </si>
  <si>
    <t>さけ定置網</t>
    <rPh sb="2" eb="5">
      <t>テイチアミ</t>
    </rPh>
    <phoneticPr fontId="4"/>
  </si>
  <si>
    <t>大型定置網</t>
    <rPh sb="0" eb="2">
      <t>オオガタ</t>
    </rPh>
    <rPh sb="2" eb="4">
      <t>テイチ</t>
    </rPh>
    <rPh sb="4" eb="5">
      <t>アミ</t>
    </rPh>
    <phoneticPr fontId="4"/>
  </si>
  <si>
    <t>地びき網</t>
    <rPh sb="0" eb="1">
      <t>ジ</t>
    </rPh>
    <rPh sb="3" eb="4">
      <t>アミ</t>
    </rPh>
    <phoneticPr fontId="4"/>
  </si>
  <si>
    <t>その他はえなわ</t>
    <rPh sb="2" eb="3">
      <t>タ</t>
    </rPh>
    <phoneticPr fontId="4"/>
  </si>
  <si>
    <t>その他の釣り</t>
    <rPh sb="2" eb="3">
      <t>タ</t>
    </rPh>
    <rPh sb="4" eb="5">
      <t>ツ</t>
    </rPh>
    <phoneticPr fontId="4"/>
  </si>
  <si>
    <t>いか釣り</t>
    <rPh sb="2" eb="3">
      <t>ツ</t>
    </rPh>
    <phoneticPr fontId="4"/>
  </si>
  <si>
    <t>その他の刺し網</t>
    <rPh sb="2" eb="3">
      <t>タ</t>
    </rPh>
    <rPh sb="4" eb="5">
      <t>サ</t>
    </rPh>
    <rPh sb="6" eb="7">
      <t>アミ</t>
    </rPh>
    <phoneticPr fontId="4"/>
  </si>
  <si>
    <t>さけます流し網</t>
    <rPh sb="4" eb="5">
      <t>ナガ</t>
    </rPh>
    <rPh sb="6" eb="7">
      <t>アミ</t>
    </rPh>
    <phoneticPr fontId="4"/>
  </si>
  <si>
    <t>敷き網その他</t>
    <rPh sb="0" eb="1">
      <t>シ</t>
    </rPh>
    <rPh sb="2" eb="3">
      <t>アミ</t>
    </rPh>
    <rPh sb="5" eb="6">
      <t>タ</t>
    </rPh>
    <phoneticPr fontId="4"/>
  </si>
  <si>
    <t>その他底びき網</t>
    <rPh sb="2" eb="3">
      <t>タ</t>
    </rPh>
    <rPh sb="3" eb="4">
      <t>ソコ</t>
    </rPh>
    <rPh sb="6" eb="7">
      <t>アミ</t>
    </rPh>
    <phoneticPr fontId="4"/>
  </si>
  <si>
    <t>小型底びき網</t>
    <rPh sb="0" eb="2">
      <t>コガタ</t>
    </rPh>
    <rPh sb="2" eb="3">
      <t>ソコ</t>
    </rPh>
    <rPh sb="5" eb="6">
      <t>アミ</t>
    </rPh>
    <phoneticPr fontId="4"/>
  </si>
  <si>
    <t>母船式さけます</t>
    <rPh sb="0" eb="2">
      <t>ボセン</t>
    </rPh>
    <rPh sb="2" eb="3">
      <t>シキ</t>
    </rPh>
    <phoneticPr fontId="4"/>
  </si>
  <si>
    <t>総数</t>
    <rPh sb="0" eb="2">
      <t>ソウスウ</t>
    </rPh>
    <phoneticPr fontId="4"/>
  </si>
  <si>
    <t>地区</t>
    <rPh sb="0" eb="2">
      <t>チク</t>
    </rPh>
    <phoneticPr fontId="4"/>
  </si>
  <si>
    <t>和歴</t>
    <rPh sb="0" eb="1">
      <t>ワ</t>
    </rPh>
    <rPh sb="1" eb="2">
      <t>レキ</t>
    </rPh>
    <phoneticPr fontId="4"/>
  </si>
  <si>
    <t>西暦</t>
    <rPh sb="0" eb="2">
      <t>セイレキ</t>
    </rPh>
    <phoneticPr fontId="4"/>
  </si>
  <si>
    <t>（各年１１月１日現在）</t>
    <rPh sb="1" eb="3">
      <t>カクネン</t>
    </rPh>
    <rPh sb="5" eb="6">
      <t>ガツ</t>
    </rPh>
    <rPh sb="7" eb="8">
      <t>ニチ</t>
    </rPh>
    <rPh sb="8" eb="10">
      <t>ゲンザイ</t>
    </rPh>
    <phoneticPr fontId="4"/>
  </si>
  <si>
    <t>資料：漁業センサス結果報告書</t>
    <rPh sb="0" eb="2">
      <t>シリョウ</t>
    </rPh>
    <phoneticPr fontId="4"/>
  </si>
  <si>
    <t>２－３　主とする漁業種類別経営体数</t>
    <rPh sb="4" eb="5">
      <t>シュ</t>
    </rPh>
    <rPh sb="8" eb="10">
      <t>ギョギョウ</t>
    </rPh>
    <rPh sb="10" eb="13">
      <t>シュルイベツ</t>
    </rPh>
    <rPh sb="13" eb="15">
      <t>ケイエイ</t>
    </rPh>
    <rPh sb="15" eb="16">
      <t>タイ</t>
    </rPh>
    <rPh sb="16" eb="17">
      <t>スウ</t>
    </rPh>
    <phoneticPr fontId="4"/>
  </si>
  <si>
    <t>平成20年</t>
    <rPh sb="0" eb="2">
      <t>ｈ</t>
    </rPh>
    <rPh sb="4" eb="5">
      <t>ネン</t>
    </rPh>
    <phoneticPr fontId="4"/>
  </si>
  <si>
    <t>平成15年</t>
    <rPh sb="0" eb="2">
      <t>ｈ</t>
    </rPh>
    <rPh sb="4" eb="5">
      <t>ネン</t>
    </rPh>
    <phoneticPr fontId="4"/>
  </si>
  <si>
    <t>平成10年</t>
    <rPh sb="0" eb="2">
      <t>ｈ</t>
    </rPh>
    <rPh sb="4" eb="5">
      <t>ネン</t>
    </rPh>
    <phoneticPr fontId="4"/>
  </si>
  <si>
    <t>平成5年</t>
    <rPh sb="0" eb="2">
      <t>ｈ</t>
    </rPh>
    <rPh sb="3" eb="4">
      <t>ネン</t>
    </rPh>
    <phoneticPr fontId="4"/>
  </si>
  <si>
    <t>平成30年</t>
    <rPh sb="0" eb="2">
      <t>ｈ</t>
    </rPh>
    <rPh sb="4" eb="5">
      <t>ネン</t>
    </rPh>
    <phoneticPr fontId="4"/>
  </si>
  <si>
    <t>-</t>
    <phoneticPr fontId="1"/>
  </si>
  <si>
    <t>-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000&quot;年&quot;"/>
  </numFmts>
  <fonts count="6" x14ac:knownFonts="1">
    <font>
      <sz val="11"/>
      <name val="ＭＳ 明朝"/>
      <family val="1"/>
      <charset val="128"/>
    </font>
    <font>
      <sz val="6"/>
      <name val="ＭＳ 明朝"/>
      <family val="1"/>
      <charset val="128"/>
    </font>
    <font>
      <sz val="9"/>
      <name val="ＭＳ 明朝"/>
      <family val="1"/>
      <charset val="128"/>
    </font>
    <font>
      <sz val="10"/>
      <name val="ＭＳ 明朝"/>
      <family val="1"/>
      <charset val="128"/>
    </font>
    <font>
      <sz val="6"/>
      <name val="ＭＳ Ｐ明朝"/>
      <family val="1"/>
      <charset val="128"/>
    </font>
    <font>
      <b/>
      <sz val="16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</fills>
  <borders count="37">
    <border>
      <left/>
      <right/>
      <top/>
      <bottom/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/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medium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medium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/>
      <right style="hair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01">
    <xf numFmtId="0" fontId="0" fillId="0" borderId="0" xfId="0"/>
    <xf numFmtId="0" fontId="0" fillId="0" borderId="2" xfId="0" applyBorder="1" applyAlignment="1">
      <alignment horizontal="center" vertical="center"/>
    </xf>
    <xf numFmtId="0" fontId="2" fillId="0" borderId="2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2" fillId="0" borderId="7" xfId="0" applyFont="1" applyBorder="1" applyAlignment="1">
      <alignment horizontal="center" vertical="center"/>
    </xf>
    <xf numFmtId="0" fontId="3" fillId="0" borderId="9" xfId="0" applyFont="1" applyBorder="1" applyAlignment="1">
      <alignment horizontal="center" vertical="center"/>
    </xf>
    <xf numFmtId="0" fontId="2" fillId="0" borderId="12" xfId="0" applyFont="1" applyBorder="1" applyAlignment="1">
      <alignment horizontal="center" vertical="center"/>
    </xf>
    <xf numFmtId="0" fontId="3" fillId="0" borderId="12" xfId="0" applyNumberFormat="1" applyFont="1" applyBorder="1" applyAlignment="1">
      <alignment horizontal="center" vertical="center"/>
    </xf>
    <xf numFmtId="0" fontId="3" fillId="0" borderId="12" xfId="0" applyNumberFormat="1" applyFont="1" applyFill="1" applyBorder="1" applyAlignment="1">
      <alignment horizontal="center" vertical="center"/>
    </xf>
    <xf numFmtId="0" fontId="3" fillId="0" borderId="13" xfId="0" applyNumberFormat="1" applyFont="1" applyFill="1" applyBorder="1" applyAlignment="1">
      <alignment horizontal="center" vertical="center"/>
    </xf>
    <xf numFmtId="0" fontId="3" fillId="0" borderId="14" xfId="0" applyFont="1" applyFill="1" applyBorder="1" applyAlignment="1">
      <alignment horizontal="center" vertical="center"/>
    </xf>
    <xf numFmtId="0" fontId="0" fillId="0" borderId="17" xfId="0" applyBorder="1" applyAlignment="1">
      <alignment horizontal="center" vertical="center"/>
    </xf>
    <xf numFmtId="0" fontId="0" fillId="0" borderId="17" xfId="0" applyFill="1" applyBorder="1" applyAlignment="1">
      <alignment horizontal="center" vertical="center"/>
    </xf>
    <xf numFmtId="0" fontId="2" fillId="0" borderId="17" xfId="0" applyFont="1" applyBorder="1" applyAlignment="1">
      <alignment horizontal="center" vertical="center"/>
    </xf>
    <xf numFmtId="0" fontId="3" fillId="0" borderId="19" xfId="0" applyFont="1" applyFill="1" applyBorder="1" applyAlignment="1">
      <alignment horizontal="center" vertical="center"/>
    </xf>
    <xf numFmtId="0" fontId="0" fillId="0" borderId="7" xfId="0" applyFill="1" applyBorder="1" applyAlignment="1">
      <alignment horizontal="center" vertical="center"/>
    </xf>
    <xf numFmtId="0" fontId="3" fillId="0" borderId="9" xfId="0" applyFont="1" applyFill="1" applyBorder="1" applyAlignment="1">
      <alignment horizontal="center" vertical="center"/>
    </xf>
    <xf numFmtId="0" fontId="2" fillId="0" borderId="22" xfId="0" applyFont="1" applyBorder="1" applyAlignment="1">
      <alignment horizontal="center" vertical="center"/>
    </xf>
    <xf numFmtId="0" fontId="3" fillId="0" borderId="22" xfId="0" applyNumberFormat="1" applyFont="1" applyBorder="1" applyAlignment="1">
      <alignment horizontal="center" vertical="center"/>
    </xf>
    <xf numFmtId="0" fontId="3" fillId="0" borderId="22" xfId="0" applyNumberFormat="1" applyFont="1" applyFill="1" applyBorder="1" applyAlignment="1">
      <alignment horizontal="center" vertical="center"/>
    </xf>
    <xf numFmtId="0" fontId="3" fillId="0" borderId="23" xfId="0" applyNumberFormat="1" applyFont="1" applyFill="1" applyBorder="1" applyAlignment="1">
      <alignment horizontal="center" vertical="center"/>
    </xf>
    <xf numFmtId="0" fontId="3" fillId="0" borderId="24" xfId="0" applyFont="1" applyFill="1" applyBorder="1" applyAlignment="1">
      <alignment horizontal="center" vertical="center"/>
    </xf>
    <xf numFmtId="0" fontId="3" fillId="0" borderId="27" xfId="0" applyNumberFormat="1" applyFont="1" applyBorder="1" applyAlignment="1">
      <alignment horizontal="center" vertical="center"/>
    </xf>
    <xf numFmtId="0" fontId="2" fillId="0" borderId="27" xfId="0" applyFont="1" applyBorder="1" applyAlignment="1">
      <alignment horizontal="center" vertical="center"/>
    </xf>
    <xf numFmtId="0" fontId="3" fillId="0" borderId="28" xfId="0" applyNumberFormat="1" applyFont="1" applyBorder="1" applyAlignment="1">
      <alignment horizontal="center" vertical="center"/>
    </xf>
    <xf numFmtId="0" fontId="3" fillId="0" borderId="29" xfId="0" applyFont="1" applyBorder="1" applyAlignment="1">
      <alignment horizontal="center" vertical="center"/>
    </xf>
    <xf numFmtId="0" fontId="3" fillId="0" borderId="7" xfId="0" applyNumberFormat="1" applyFont="1" applyBorder="1" applyAlignment="1">
      <alignment horizontal="center" vertical="center"/>
    </xf>
    <xf numFmtId="0" fontId="3" fillId="0" borderId="8" xfId="0" applyNumberFormat="1" applyFont="1" applyBorder="1" applyAlignment="1">
      <alignment horizontal="center" vertical="center"/>
    </xf>
    <xf numFmtId="0" fontId="3" fillId="0" borderId="13" xfId="0" applyNumberFormat="1" applyFont="1" applyBorder="1" applyAlignment="1">
      <alignment horizontal="center" vertical="center"/>
    </xf>
    <xf numFmtId="0" fontId="3" fillId="0" borderId="14" xfId="0" applyFont="1" applyBorder="1" applyAlignment="1">
      <alignment horizontal="center" vertical="center"/>
    </xf>
    <xf numFmtId="0" fontId="3" fillId="0" borderId="17" xfId="0" applyNumberFormat="1" applyFont="1" applyBorder="1" applyAlignment="1">
      <alignment horizontal="center" vertical="center"/>
    </xf>
    <xf numFmtId="0" fontId="3" fillId="0" borderId="18" xfId="0" applyNumberFormat="1" applyFont="1" applyBorder="1" applyAlignment="1">
      <alignment horizontal="center" vertical="center"/>
    </xf>
    <xf numFmtId="0" fontId="3" fillId="0" borderId="19" xfId="0" applyFont="1" applyBorder="1" applyAlignment="1">
      <alignment horizontal="center" vertical="center"/>
    </xf>
    <xf numFmtId="0" fontId="3" fillId="0" borderId="21" xfId="0" applyNumberFormat="1" applyFont="1" applyBorder="1" applyAlignment="1">
      <alignment horizontal="center" vertical="center"/>
    </xf>
    <xf numFmtId="0" fontId="3" fillId="0" borderId="23" xfId="0" applyNumberFormat="1" applyFont="1" applyBorder="1" applyAlignment="1">
      <alignment horizontal="center" vertical="center"/>
    </xf>
    <xf numFmtId="0" fontId="3" fillId="0" borderId="24" xfId="0" applyFont="1" applyBorder="1" applyAlignment="1">
      <alignment horizontal="center" vertical="center"/>
    </xf>
    <xf numFmtId="0" fontId="3" fillId="0" borderId="11" xfId="0" applyNumberFormat="1" applyFont="1" applyBorder="1" applyAlignment="1">
      <alignment horizontal="center" vertical="center"/>
    </xf>
    <xf numFmtId="0" fontId="2" fillId="0" borderId="31" xfId="0" applyFont="1" applyBorder="1" applyAlignment="1">
      <alignment vertical="top" textRotation="255" wrapText="1"/>
    </xf>
    <xf numFmtId="0" fontId="2" fillId="0" borderId="32" xfId="0" applyFont="1" applyBorder="1" applyAlignment="1">
      <alignment vertical="top" textRotation="255" wrapText="1"/>
    </xf>
    <xf numFmtId="0" fontId="2" fillId="0" borderId="33" xfId="0" applyFont="1" applyBorder="1" applyAlignment="1">
      <alignment horizontal="center" vertical="center"/>
    </xf>
    <xf numFmtId="0" fontId="0" fillId="0" borderId="34" xfId="0" applyFont="1" applyFill="1" applyBorder="1" applyAlignment="1">
      <alignment horizontal="center" vertical="center"/>
    </xf>
    <xf numFmtId="0" fontId="0" fillId="0" borderId="32" xfId="0" applyFont="1" applyFill="1" applyBorder="1" applyAlignment="1">
      <alignment horizontal="center" vertical="center"/>
    </xf>
    <xf numFmtId="0" fontId="0" fillId="0" borderId="35" xfId="0" applyFont="1" applyFill="1" applyBorder="1" applyAlignment="1">
      <alignment horizontal="center" vertical="center"/>
    </xf>
    <xf numFmtId="0" fontId="0" fillId="0" borderId="0" xfId="0" applyAlignment="1">
      <alignment vertical="top" wrapText="1"/>
    </xf>
    <xf numFmtId="0" fontId="5" fillId="0" borderId="0" xfId="0" applyFont="1"/>
    <xf numFmtId="0" fontId="2" fillId="0" borderId="12" xfId="0" applyFont="1" applyBorder="1" applyAlignment="1">
      <alignment horizontal="center" vertical="center"/>
    </xf>
    <xf numFmtId="0" fontId="2" fillId="0" borderId="7" xfId="0" applyFont="1" applyBorder="1" applyAlignment="1">
      <alignment horizontal="center" vertical="center"/>
    </xf>
    <xf numFmtId="0" fontId="2" fillId="0" borderId="27" xfId="0" applyFont="1" applyBorder="1" applyAlignment="1">
      <alignment horizontal="center" vertical="center"/>
    </xf>
    <xf numFmtId="0" fontId="3" fillId="0" borderId="22" xfId="0" applyNumberFormat="1" applyFont="1" applyBorder="1" applyAlignment="1">
      <alignment horizontal="center" vertical="center"/>
    </xf>
    <xf numFmtId="0" fontId="3" fillId="0" borderId="12" xfId="0" applyFont="1" applyBorder="1" applyAlignment="1">
      <alignment horizontal="center" vertical="center"/>
    </xf>
    <xf numFmtId="0" fontId="3" fillId="0" borderId="7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3" fillId="0" borderId="12" xfId="0" applyNumberFormat="1" applyFont="1" applyBorder="1" applyAlignment="1">
      <alignment horizontal="center" vertical="center"/>
    </xf>
    <xf numFmtId="0" fontId="3" fillId="0" borderId="7" xfId="0" applyNumberFormat="1" applyFont="1" applyBorder="1" applyAlignment="1">
      <alignment horizontal="center" vertical="center"/>
    </xf>
    <xf numFmtId="0" fontId="3" fillId="0" borderId="17" xfId="0" applyNumberFormat="1" applyFont="1" applyBorder="1" applyAlignment="1">
      <alignment horizontal="center" vertical="center"/>
    </xf>
    <xf numFmtId="0" fontId="3" fillId="0" borderId="27" xfId="0" applyFont="1" applyBorder="1" applyAlignment="1">
      <alignment horizontal="center" vertical="center"/>
    </xf>
    <xf numFmtId="0" fontId="3" fillId="0" borderId="22" xfId="0" applyFont="1" applyBorder="1" applyAlignment="1">
      <alignment horizontal="center" vertical="center"/>
    </xf>
    <xf numFmtId="0" fontId="3" fillId="0" borderId="17" xfId="0" applyFont="1" applyBorder="1" applyAlignment="1">
      <alignment horizontal="center" vertical="center"/>
    </xf>
    <xf numFmtId="0" fontId="3" fillId="0" borderId="27" xfId="0" applyNumberFormat="1" applyFont="1" applyBorder="1" applyAlignment="1">
      <alignment horizontal="center" vertical="center"/>
    </xf>
    <xf numFmtId="0" fontId="0" fillId="0" borderId="27" xfId="0" applyBorder="1" applyAlignment="1">
      <alignment horizontal="center" vertical="center"/>
    </xf>
    <xf numFmtId="0" fontId="3" fillId="0" borderId="8" xfId="0" applyFont="1" applyBorder="1" applyAlignment="1">
      <alignment horizontal="center" vertical="center"/>
    </xf>
    <xf numFmtId="0" fontId="3" fillId="0" borderId="36" xfId="0" applyFont="1" applyBorder="1" applyAlignment="1">
      <alignment horizontal="center" vertical="center"/>
    </xf>
    <xf numFmtId="0" fontId="3" fillId="0" borderId="13" xfId="0" applyFont="1" applyBorder="1" applyAlignment="1">
      <alignment horizontal="center" vertical="center"/>
    </xf>
    <xf numFmtId="0" fontId="3" fillId="0" borderId="28" xfId="0" applyFont="1" applyBorder="1" applyAlignment="1">
      <alignment horizontal="center" vertical="center"/>
    </xf>
    <xf numFmtId="0" fontId="3" fillId="0" borderId="8" xfId="0" applyFont="1" applyFill="1" applyBorder="1" applyAlignment="1">
      <alignment horizontal="center" vertical="center"/>
    </xf>
    <xf numFmtId="0" fontId="3" fillId="0" borderId="18" xfId="0" applyFont="1" applyFill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3" fillId="0" borderId="7" xfId="0" applyFont="1" applyFill="1" applyBorder="1" applyAlignment="1">
      <alignment horizontal="center" vertical="center"/>
    </xf>
    <xf numFmtId="0" fontId="3" fillId="0" borderId="17" xfId="0" applyFont="1" applyFill="1" applyBorder="1" applyAlignment="1">
      <alignment horizontal="center" vertical="center"/>
    </xf>
    <xf numFmtId="0" fontId="3" fillId="2" borderId="11" xfId="0" applyFont="1" applyFill="1" applyBorder="1" applyAlignment="1">
      <alignment horizontal="center" vertical="center"/>
    </xf>
    <xf numFmtId="0" fontId="3" fillId="2" borderId="6" xfId="0" applyFont="1" applyFill="1" applyBorder="1" applyAlignment="1">
      <alignment horizontal="center" vertical="center"/>
    </xf>
    <xf numFmtId="0" fontId="3" fillId="2" borderId="26" xfId="0" applyFont="1" applyFill="1" applyBorder="1" applyAlignment="1">
      <alignment horizontal="center" vertical="center"/>
    </xf>
    <xf numFmtId="0" fontId="3" fillId="2" borderId="21" xfId="0" applyFont="1" applyFill="1" applyBorder="1" applyAlignment="1">
      <alignment horizontal="center" vertical="center"/>
    </xf>
    <xf numFmtId="0" fontId="3" fillId="2" borderId="16" xfId="0" applyFont="1" applyFill="1" applyBorder="1" applyAlignment="1">
      <alignment horizontal="center" vertical="center"/>
    </xf>
    <xf numFmtId="0" fontId="3" fillId="0" borderId="6" xfId="0" applyFont="1" applyBorder="1" applyAlignment="1">
      <alignment horizontal="center" vertical="center"/>
    </xf>
    <xf numFmtId="0" fontId="3" fillId="0" borderId="26" xfId="0" applyFont="1" applyBorder="1" applyAlignment="1">
      <alignment horizontal="center" vertical="center"/>
    </xf>
    <xf numFmtId="0" fontId="3" fillId="0" borderId="16" xfId="0" applyFont="1" applyBorder="1" applyAlignment="1">
      <alignment horizontal="center" vertical="center"/>
    </xf>
    <xf numFmtId="0" fontId="3" fillId="0" borderId="21" xfId="0" applyFont="1" applyBorder="1" applyAlignment="1">
      <alignment horizontal="center" vertical="center"/>
    </xf>
    <xf numFmtId="0" fontId="3" fillId="0" borderId="11" xfId="0" applyFont="1" applyBorder="1" applyAlignment="1">
      <alignment horizontal="center" vertical="center"/>
    </xf>
    <xf numFmtId="0" fontId="3" fillId="2" borderId="1" xfId="0" applyFont="1" applyFill="1" applyBorder="1" applyAlignment="1">
      <alignment horizontal="center" vertical="center"/>
    </xf>
    <xf numFmtId="0" fontId="3" fillId="0" borderId="17" xfId="0" applyNumberFormat="1" applyFont="1" applyBorder="1" applyAlignment="1">
      <alignment horizontal="center" vertical="center"/>
    </xf>
    <xf numFmtId="0" fontId="0" fillId="0" borderId="0" xfId="0" applyAlignment="1">
      <alignment horizontal="left" vertical="top" wrapText="1"/>
    </xf>
    <xf numFmtId="0" fontId="3" fillId="0" borderId="22" xfId="0" applyNumberFormat="1" applyFont="1" applyBorder="1" applyAlignment="1">
      <alignment horizontal="center" vertical="center"/>
    </xf>
    <xf numFmtId="0" fontId="3" fillId="0" borderId="7" xfId="0" applyNumberFormat="1" applyFont="1" applyBorder="1" applyAlignment="1">
      <alignment horizontal="center" vertical="center"/>
    </xf>
    <xf numFmtId="0" fontId="3" fillId="0" borderId="12" xfId="0" applyNumberFormat="1" applyFont="1" applyBorder="1" applyAlignment="1">
      <alignment horizontal="center" vertical="center"/>
    </xf>
    <xf numFmtId="0" fontId="3" fillId="0" borderId="27" xfId="0" applyNumberFormat="1" applyFont="1" applyBorder="1" applyAlignment="1">
      <alignment horizontal="center" vertical="center"/>
    </xf>
    <xf numFmtId="176" fontId="0" fillId="0" borderId="15" xfId="0" applyNumberFormat="1" applyBorder="1" applyAlignment="1">
      <alignment horizontal="center" vertical="center"/>
    </xf>
    <xf numFmtId="176" fontId="0" fillId="0" borderId="10" xfId="0" applyNumberFormat="1" applyBorder="1" applyAlignment="1">
      <alignment horizontal="center" vertical="center"/>
    </xf>
    <xf numFmtId="176" fontId="0" fillId="0" borderId="30" xfId="0" applyNumberFormat="1" applyBorder="1" applyAlignment="1">
      <alignment horizontal="center" vertical="center"/>
    </xf>
    <xf numFmtId="0" fontId="3" fillId="0" borderId="12" xfId="0" applyFont="1" applyBorder="1" applyAlignment="1">
      <alignment horizontal="center" vertical="center"/>
    </xf>
    <xf numFmtId="0" fontId="3" fillId="0" borderId="7" xfId="0" applyFont="1" applyBorder="1" applyAlignment="1">
      <alignment horizontal="center" vertical="center"/>
    </xf>
    <xf numFmtId="0" fontId="3" fillId="0" borderId="27" xfId="0" applyFont="1" applyBorder="1" applyAlignment="1">
      <alignment horizontal="center" vertical="center"/>
    </xf>
    <xf numFmtId="176" fontId="0" fillId="0" borderId="25" xfId="0" applyNumberFormat="1" applyBorder="1" applyAlignment="1">
      <alignment horizontal="center" vertical="center"/>
    </xf>
    <xf numFmtId="176" fontId="0" fillId="0" borderId="20" xfId="0" applyNumberFormat="1" applyBorder="1" applyAlignment="1">
      <alignment horizontal="center" vertical="center"/>
    </xf>
    <xf numFmtId="0" fontId="3" fillId="0" borderId="22" xfId="0" applyFont="1" applyBorder="1" applyAlignment="1">
      <alignment horizontal="center" vertical="center"/>
    </xf>
    <xf numFmtId="0" fontId="3" fillId="0" borderId="17" xfId="0" applyFont="1" applyBorder="1" applyAlignment="1">
      <alignment horizontal="center" vertical="center"/>
    </xf>
    <xf numFmtId="0" fontId="0" fillId="0" borderId="0" xfId="0" applyBorder="1" applyAlignment="1">
      <alignment horizontal="right" vertical="center"/>
    </xf>
    <xf numFmtId="176" fontId="0" fillId="0" borderId="5" xfId="0" applyNumberForma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3" fillId="0" borderId="2" xfId="0" applyNumberFormat="1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V40"/>
  <sheetViews>
    <sheetView tabSelected="1" view="pageBreakPreview" zoomScale="115" zoomScaleNormal="100" zoomScaleSheetLayoutView="115" workbookViewId="0">
      <selection activeCell="M39" sqref="M39"/>
    </sheetView>
  </sheetViews>
  <sheetFormatPr defaultRowHeight="13.2" x14ac:dyDescent="0.2"/>
  <cols>
    <col min="1" max="2" width="8.21875" customWidth="1"/>
    <col min="3" max="3" width="10.77734375" customWidth="1"/>
    <col min="4" max="4" width="6.21875" customWidth="1"/>
    <col min="5" max="22" width="5.6640625" customWidth="1"/>
  </cols>
  <sheetData>
    <row r="1" spans="1:22" ht="19.2" x14ac:dyDescent="0.25">
      <c r="A1" s="45" t="s">
        <v>43</v>
      </c>
      <c r="C1" s="45"/>
    </row>
    <row r="2" spans="1:22" x14ac:dyDescent="0.2">
      <c r="B2" s="82" t="s">
        <v>42</v>
      </c>
      <c r="C2" s="82"/>
      <c r="D2" s="82"/>
      <c r="E2" s="82"/>
      <c r="F2" s="82"/>
      <c r="G2" s="82"/>
      <c r="H2" s="82"/>
      <c r="I2" s="82"/>
      <c r="J2" s="82"/>
      <c r="K2" s="82"/>
      <c r="L2" s="82"/>
      <c r="M2" s="82"/>
      <c r="N2" s="82"/>
      <c r="O2" s="44"/>
      <c r="P2" s="44"/>
      <c r="Q2" s="44"/>
      <c r="R2" s="44"/>
      <c r="S2" s="44"/>
      <c r="T2" s="44"/>
      <c r="U2" s="44"/>
      <c r="V2" s="44"/>
    </row>
    <row r="3" spans="1:22" ht="13.8" thickBot="1" x14ac:dyDescent="0.25">
      <c r="Q3" s="97" t="s">
        <v>41</v>
      </c>
      <c r="R3" s="97"/>
      <c r="S3" s="97"/>
      <c r="T3" s="97"/>
      <c r="U3" s="97"/>
      <c r="V3" s="97"/>
    </row>
    <row r="4" spans="1:22" ht="80.25" customHeight="1" thickBot="1" x14ac:dyDescent="0.25">
      <c r="A4" s="43" t="s">
        <v>40</v>
      </c>
      <c r="B4" s="42" t="s">
        <v>39</v>
      </c>
      <c r="C4" s="41" t="s">
        <v>38</v>
      </c>
      <c r="D4" s="40" t="s">
        <v>37</v>
      </c>
      <c r="E4" s="39" t="s">
        <v>36</v>
      </c>
      <c r="F4" s="39" t="s">
        <v>35</v>
      </c>
      <c r="G4" s="39" t="s">
        <v>34</v>
      </c>
      <c r="H4" s="39" t="s">
        <v>33</v>
      </c>
      <c r="I4" s="39" t="s">
        <v>32</v>
      </c>
      <c r="J4" s="39" t="s">
        <v>31</v>
      </c>
      <c r="K4" s="39" t="s">
        <v>30</v>
      </c>
      <c r="L4" s="39" t="s">
        <v>29</v>
      </c>
      <c r="M4" s="39" t="s">
        <v>28</v>
      </c>
      <c r="N4" s="39" t="s">
        <v>27</v>
      </c>
      <c r="O4" s="39" t="s">
        <v>26</v>
      </c>
      <c r="P4" s="39" t="s">
        <v>25</v>
      </c>
      <c r="Q4" s="39" t="s">
        <v>24</v>
      </c>
      <c r="R4" s="39" t="s">
        <v>23</v>
      </c>
      <c r="S4" s="39" t="s">
        <v>22</v>
      </c>
      <c r="T4" s="39" t="s">
        <v>21</v>
      </c>
      <c r="U4" s="39" t="s">
        <v>20</v>
      </c>
      <c r="V4" s="38" t="s">
        <v>19</v>
      </c>
    </row>
    <row r="5" spans="1:22" ht="20.100000000000001" customHeight="1" x14ac:dyDescent="0.2">
      <c r="A5" s="87">
        <v>1963</v>
      </c>
      <c r="B5" s="90" t="s">
        <v>18</v>
      </c>
      <c r="C5" s="30" t="s">
        <v>12</v>
      </c>
      <c r="D5" s="63">
        <v>55</v>
      </c>
      <c r="E5" s="7" t="s">
        <v>11</v>
      </c>
      <c r="F5" s="7" t="s">
        <v>11</v>
      </c>
      <c r="G5" s="7" t="s">
        <v>11</v>
      </c>
      <c r="H5" s="7" t="s">
        <v>11</v>
      </c>
      <c r="I5" s="7">
        <v>1</v>
      </c>
      <c r="J5" s="50">
        <v>23</v>
      </c>
      <c r="K5" s="7" t="s">
        <v>11</v>
      </c>
      <c r="L5" s="7" t="s">
        <v>11</v>
      </c>
      <c r="M5" s="7" t="s">
        <v>11</v>
      </c>
      <c r="N5" s="7">
        <v>1</v>
      </c>
      <c r="O5" s="90">
        <v>6</v>
      </c>
      <c r="P5" s="90"/>
      <c r="Q5" s="50">
        <v>9</v>
      </c>
      <c r="R5" s="50">
        <v>15</v>
      </c>
      <c r="S5" s="50" t="s">
        <v>11</v>
      </c>
      <c r="T5" s="50" t="s">
        <v>11</v>
      </c>
      <c r="U5" s="50" t="s">
        <v>11</v>
      </c>
      <c r="V5" s="70"/>
    </row>
    <row r="6" spans="1:22" ht="20.100000000000001" customHeight="1" x14ac:dyDescent="0.2">
      <c r="A6" s="88"/>
      <c r="B6" s="91"/>
      <c r="C6" s="6" t="s">
        <v>8</v>
      </c>
      <c r="D6" s="61">
        <v>93</v>
      </c>
      <c r="E6" s="5" t="s">
        <v>11</v>
      </c>
      <c r="F6" s="5" t="s">
        <v>11</v>
      </c>
      <c r="G6" s="5" t="s">
        <v>11</v>
      </c>
      <c r="H6" s="5" t="s">
        <v>11</v>
      </c>
      <c r="I6" s="5">
        <v>1</v>
      </c>
      <c r="J6" s="51">
        <v>24</v>
      </c>
      <c r="K6" s="5" t="s">
        <v>11</v>
      </c>
      <c r="L6" s="5" t="s">
        <v>11</v>
      </c>
      <c r="M6" s="5" t="s">
        <v>11</v>
      </c>
      <c r="N6" s="5" t="s">
        <v>11</v>
      </c>
      <c r="O6" s="91" t="s">
        <v>11</v>
      </c>
      <c r="P6" s="91"/>
      <c r="Q6" s="51">
        <v>11</v>
      </c>
      <c r="R6" s="51" t="s">
        <v>11</v>
      </c>
      <c r="S6" s="51">
        <v>57</v>
      </c>
      <c r="T6" s="51" t="s">
        <v>11</v>
      </c>
      <c r="U6" s="51" t="s">
        <v>11</v>
      </c>
      <c r="V6" s="71"/>
    </row>
    <row r="7" spans="1:22" ht="20.100000000000001" customHeight="1" x14ac:dyDescent="0.2">
      <c r="A7" s="89"/>
      <c r="B7" s="92"/>
      <c r="C7" s="26" t="s">
        <v>7</v>
      </c>
      <c r="D7" s="64">
        <v>259</v>
      </c>
      <c r="E7" s="24">
        <v>1</v>
      </c>
      <c r="F7" s="56">
        <v>3</v>
      </c>
      <c r="G7" s="24" t="s">
        <v>11</v>
      </c>
      <c r="H7" s="24" t="s">
        <v>11</v>
      </c>
      <c r="I7" s="24" t="s">
        <v>11</v>
      </c>
      <c r="J7" s="56">
        <v>80</v>
      </c>
      <c r="K7" s="24" t="s">
        <v>11</v>
      </c>
      <c r="L7" s="24" t="s">
        <v>11</v>
      </c>
      <c r="M7" s="24">
        <v>5</v>
      </c>
      <c r="N7" s="24" t="s">
        <v>11</v>
      </c>
      <c r="O7" s="92">
        <v>1</v>
      </c>
      <c r="P7" s="92"/>
      <c r="Q7" s="56">
        <v>6</v>
      </c>
      <c r="R7" s="56">
        <v>20</v>
      </c>
      <c r="S7" s="56">
        <v>136</v>
      </c>
      <c r="T7" s="56">
        <v>7</v>
      </c>
      <c r="U7" s="56" t="s">
        <v>11</v>
      </c>
      <c r="V7" s="72"/>
    </row>
    <row r="8" spans="1:22" ht="20.100000000000001" customHeight="1" x14ac:dyDescent="0.2">
      <c r="A8" s="93">
        <v>1968</v>
      </c>
      <c r="B8" s="95" t="s">
        <v>17</v>
      </c>
      <c r="C8" s="36" t="s">
        <v>12</v>
      </c>
      <c r="D8" s="35">
        <v>94</v>
      </c>
      <c r="E8" s="19">
        <v>1</v>
      </c>
      <c r="F8" s="49" t="s">
        <v>11</v>
      </c>
      <c r="G8" s="18" t="s">
        <v>11</v>
      </c>
      <c r="H8" s="19">
        <v>8</v>
      </c>
      <c r="I8" s="19" t="s">
        <v>11</v>
      </c>
      <c r="J8" s="49">
        <v>34</v>
      </c>
      <c r="K8" s="19">
        <v>1</v>
      </c>
      <c r="L8" s="19" t="s">
        <v>11</v>
      </c>
      <c r="M8" s="18" t="s">
        <v>11</v>
      </c>
      <c r="N8" s="19">
        <v>20</v>
      </c>
      <c r="O8" s="83">
        <v>1</v>
      </c>
      <c r="P8" s="83"/>
      <c r="Q8" s="49">
        <v>11</v>
      </c>
      <c r="R8" s="49">
        <v>14</v>
      </c>
      <c r="S8" s="57" t="s">
        <v>11</v>
      </c>
      <c r="T8" s="49">
        <v>4</v>
      </c>
      <c r="U8" s="57" t="s">
        <v>11</v>
      </c>
      <c r="V8" s="73"/>
    </row>
    <row r="9" spans="1:22" ht="20.100000000000001" customHeight="1" x14ac:dyDescent="0.2">
      <c r="A9" s="88"/>
      <c r="B9" s="91"/>
      <c r="C9" s="6" t="s">
        <v>8</v>
      </c>
      <c r="D9" s="28">
        <v>127</v>
      </c>
      <c r="E9" s="27">
        <v>1</v>
      </c>
      <c r="F9" s="54" t="s">
        <v>11</v>
      </c>
      <c r="G9" s="5" t="s">
        <v>11</v>
      </c>
      <c r="H9" s="5" t="s">
        <v>11</v>
      </c>
      <c r="I9" s="27" t="s">
        <v>11</v>
      </c>
      <c r="J9" s="54">
        <v>39</v>
      </c>
      <c r="K9" s="27">
        <v>2</v>
      </c>
      <c r="L9" s="27" t="s">
        <v>11</v>
      </c>
      <c r="M9" s="27">
        <v>1</v>
      </c>
      <c r="N9" s="5" t="s">
        <v>11</v>
      </c>
      <c r="O9" s="84">
        <v>3</v>
      </c>
      <c r="P9" s="84"/>
      <c r="Q9" s="54">
        <v>39</v>
      </c>
      <c r="R9" s="54" t="s">
        <v>11</v>
      </c>
      <c r="S9" s="54">
        <v>42</v>
      </c>
      <c r="T9" s="54" t="s">
        <v>11</v>
      </c>
      <c r="U9" s="51" t="s">
        <v>11</v>
      </c>
      <c r="V9" s="71"/>
    </row>
    <row r="10" spans="1:22" ht="20.100000000000001" customHeight="1" x14ac:dyDescent="0.2">
      <c r="A10" s="94"/>
      <c r="B10" s="96"/>
      <c r="C10" s="33" t="s">
        <v>7</v>
      </c>
      <c r="D10" s="32">
        <v>199</v>
      </c>
      <c r="E10" s="31">
        <v>1</v>
      </c>
      <c r="F10" s="55" t="s">
        <v>11</v>
      </c>
      <c r="G10" s="14" t="s">
        <v>11</v>
      </c>
      <c r="H10" s="14" t="s">
        <v>11</v>
      </c>
      <c r="I10" s="31" t="s">
        <v>11</v>
      </c>
      <c r="J10" s="55">
        <v>65</v>
      </c>
      <c r="K10" s="31" t="s">
        <v>11</v>
      </c>
      <c r="L10" s="31">
        <v>2</v>
      </c>
      <c r="M10" s="31">
        <v>5</v>
      </c>
      <c r="N10" s="14" t="s">
        <v>11</v>
      </c>
      <c r="O10" s="81">
        <v>1</v>
      </c>
      <c r="P10" s="81"/>
      <c r="Q10" s="55">
        <v>6</v>
      </c>
      <c r="R10" s="55">
        <v>61</v>
      </c>
      <c r="S10" s="55">
        <v>52</v>
      </c>
      <c r="T10" s="55">
        <v>6</v>
      </c>
      <c r="U10" s="58" t="s">
        <v>11</v>
      </c>
      <c r="V10" s="74"/>
    </row>
    <row r="11" spans="1:22" ht="20.100000000000001" customHeight="1" x14ac:dyDescent="0.2">
      <c r="A11" s="87">
        <v>1973</v>
      </c>
      <c r="B11" s="90" t="s">
        <v>16</v>
      </c>
      <c r="C11" s="30" t="s">
        <v>12</v>
      </c>
      <c r="D11" s="29">
        <f>SUM(E11:V11)</f>
        <v>85</v>
      </c>
      <c r="E11" s="8">
        <v>1</v>
      </c>
      <c r="F11" s="53">
        <v>1</v>
      </c>
      <c r="G11" s="7" t="s">
        <v>11</v>
      </c>
      <c r="H11" s="8">
        <v>22</v>
      </c>
      <c r="I11" s="8">
        <v>7</v>
      </c>
      <c r="J11" s="53">
        <v>13</v>
      </c>
      <c r="K11" s="8">
        <v>1</v>
      </c>
      <c r="L11" s="8" t="s">
        <v>11</v>
      </c>
      <c r="M11" s="7" t="s">
        <v>11</v>
      </c>
      <c r="N11" s="7" t="s">
        <v>11</v>
      </c>
      <c r="O11" s="85" t="s">
        <v>11</v>
      </c>
      <c r="P11" s="85"/>
      <c r="Q11" s="53">
        <v>3</v>
      </c>
      <c r="R11" s="53">
        <v>14</v>
      </c>
      <c r="S11" s="53">
        <v>1</v>
      </c>
      <c r="T11" s="53" t="s">
        <v>11</v>
      </c>
      <c r="U11" s="50" t="s">
        <v>11</v>
      </c>
      <c r="V11" s="37">
        <v>22</v>
      </c>
    </row>
    <row r="12" spans="1:22" ht="20.100000000000001" customHeight="1" x14ac:dyDescent="0.2">
      <c r="A12" s="88"/>
      <c r="B12" s="91"/>
      <c r="C12" s="6" t="s">
        <v>8</v>
      </c>
      <c r="D12" s="28">
        <v>107</v>
      </c>
      <c r="E12" s="27">
        <v>1</v>
      </c>
      <c r="F12" s="54" t="s">
        <v>11</v>
      </c>
      <c r="G12" s="5" t="s">
        <v>11</v>
      </c>
      <c r="H12" s="5" t="s">
        <v>11</v>
      </c>
      <c r="I12" s="27" t="s">
        <v>11</v>
      </c>
      <c r="J12" s="54">
        <v>13</v>
      </c>
      <c r="K12" s="27" t="s">
        <v>11</v>
      </c>
      <c r="L12" s="27" t="s">
        <v>11</v>
      </c>
      <c r="M12" s="5" t="s">
        <v>11</v>
      </c>
      <c r="N12" s="27" t="s">
        <v>11</v>
      </c>
      <c r="O12" s="84" t="s">
        <v>11</v>
      </c>
      <c r="P12" s="84"/>
      <c r="Q12" s="54">
        <v>18</v>
      </c>
      <c r="R12" s="54" t="s">
        <v>11</v>
      </c>
      <c r="S12" s="54">
        <v>74</v>
      </c>
      <c r="T12" s="54">
        <v>1</v>
      </c>
      <c r="U12" s="51" t="s">
        <v>11</v>
      </c>
      <c r="V12" s="75" t="s">
        <v>11</v>
      </c>
    </row>
    <row r="13" spans="1:22" ht="20.100000000000001" customHeight="1" x14ac:dyDescent="0.2">
      <c r="A13" s="89"/>
      <c r="B13" s="92"/>
      <c r="C13" s="26" t="s">
        <v>7</v>
      </c>
      <c r="D13" s="25">
        <v>135</v>
      </c>
      <c r="E13" s="23">
        <v>1</v>
      </c>
      <c r="F13" s="59" t="s">
        <v>11</v>
      </c>
      <c r="G13" s="24" t="s">
        <v>11</v>
      </c>
      <c r="H13" s="24" t="s">
        <v>11</v>
      </c>
      <c r="I13" s="23" t="s">
        <v>11</v>
      </c>
      <c r="J13" s="59">
        <v>21</v>
      </c>
      <c r="K13" s="23">
        <v>1</v>
      </c>
      <c r="L13" s="23">
        <v>1</v>
      </c>
      <c r="M13" s="23">
        <v>1</v>
      </c>
      <c r="N13" s="24" t="s">
        <v>11</v>
      </c>
      <c r="O13" s="86" t="s">
        <v>11</v>
      </c>
      <c r="P13" s="86"/>
      <c r="Q13" s="59">
        <v>6</v>
      </c>
      <c r="R13" s="59">
        <v>50</v>
      </c>
      <c r="S13" s="59">
        <v>40</v>
      </c>
      <c r="T13" s="59">
        <v>14</v>
      </c>
      <c r="U13" s="56" t="s">
        <v>11</v>
      </c>
      <c r="V13" s="76" t="s">
        <v>11</v>
      </c>
    </row>
    <row r="14" spans="1:22" ht="20.100000000000001" customHeight="1" x14ac:dyDescent="0.2">
      <c r="A14" s="93">
        <v>1978</v>
      </c>
      <c r="B14" s="95" t="s">
        <v>15</v>
      </c>
      <c r="C14" s="36" t="s">
        <v>12</v>
      </c>
      <c r="D14" s="35">
        <f>SUM(E14:V14)</f>
        <v>78</v>
      </c>
      <c r="E14" s="18" t="s">
        <v>11</v>
      </c>
      <c r="F14" s="49">
        <v>26</v>
      </c>
      <c r="G14" s="18" t="s">
        <v>11</v>
      </c>
      <c r="H14" s="19">
        <v>1</v>
      </c>
      <c r="I14" s="19">
        <v>4</v>
      </c>
      <c r="J14" s="49">
        <v>8</v>
      </c>
      <c r="K14" s="19" t="s">
        <v>11</v>
      </c>
      <c r="L14" s="19">
        <v>1</v>
      </c>
      <c r="M14" s="18" t="s">
        <v>11</v>
      </c>
      <c r="N14" s="19">
        <v>2</v>
      </c>
      <c r="O14" s="83">
        <v>2</v>
      </c>
      <c r="P14" s="83"/>
      <c r="Q14" s="49">
        <v>2</v>
      </c>
      <c r="R14" s="49">
        <v>16</v>
      </c>
      <c r="S14" s="57" t="s">
        <v>11</v>
      </c>
      <c r="T14" s="49">
        <v>5</v>
      </c>
      <c r="U14" s="57" t="s">
        <v>11</v>
      </c>
      <c r="V14" s="34">
        <v>11</v>
      </c>
    </row>
    <row r="15" spans="1:22" ht="20.100000000000001" customHeight="1" x14ac:dyDescent="0.2">
      <c r="A15" s="88"/>
      <c r="B15" s="91"/>
      <c r="C15" s="6" t="s">
        <v>8</v>
      </c>
      <c r="D15" s="28">
        <v>109</v>
      </c>
      <c r="E15" s="5" t="s">
        <v>11</v>
      </c>
      <c r="F15" s="54" t="s">
        <v>11</v>
      </c>
      <c r="G15" s="5" t="s">
        <v>11</v>
      </c>
      <c r="H15" s="5" t="s">
        <v>11</v>
      </c>
      <c r="I15" s="27" t="s">
        <v>11</v>
      </c>
      <c r="J15" s="54">
        <v>50</v>
      </c>
      <c r="K15" s="27" t="s">
        <v>11</v>
      </c>
      <c r="L15" s="27" t="s">
        <v>11</v>
      </c>
      <c r="M15" s="5" t="s">
        <v>11</v>
      </c>
      <c r="N15" s="5" t="s">
        <v>11</v>
      </c>
      <c r="O15" s="84" t="s">
        <v>11</v>
      </c>
      <c r="P15" s="84"/>
      <c r="Q15" s="54">
        <v>6</v>
      </c>
      <c r="R15" s="54" t="s">
        <v>11</v>
      </c>
      <c r="S15" s="54">
        <v>51</v>
      </c>
      <c r="T15" s="54">
        <v>2</v>
      </c>
      <c r="U15" s="51" t="s">
        <v>11</v>
      </c>
      <c r="V15" s="75" t="s">
        <v>11</v>
      </c>
    </row>
    <row r="16" spans="1:22" ht="20.100000000000001" customHeight="1" x14ac:dyDescent="0.2">
      <c r="A16" s="94"/>
      <c r="B16" s="96"/>
      <c r="C16" s="33" t="s">
        <v>7</v>
      </c>
      <c r="D16" s="32">
        <v>117</v>
      </c>
      <c r="E16" s="14" t="s">
        <v>11</v>
      </c>
      <c r="F16" s="55" t="s">
        <v>11</v>
      </c>
      <c r="G16" s="31">
        <v>1</v>
      </c>
      <c r="H16" s="14" t="s">
        <v>11</v>
      </c>
      <c r="I16" s="31" t="s">
        <v>11</v>
      </c>
      <c r="J16" s="55">
        <v>45</v>
      </c>
      <c r="K16" s="31">
        <v>5</v>
      </c>
      <c r="L16" s="31" t="s">
        <v>11</v>
      </c>
      <c r="M16" s="31">
        <v>5</v>
      </c>
      <c r="N16" s="14" t="s">
        <v>11</v>
      </c>
      <c r="O16" s="81" t="s">
        <v>11</v>
      </c>
      <c r="P16" s="81"/>
      <c r="Q16" s="55">
        <v>1</v>
      </c>
      <c r="R16" s="55">
        <v>50</v>
      </c>
      <c r="S16" s="55">
        <v>10</v>
      </c>
      <c r="T16" s="55" t="s">
        <v>11</v>
      </c>
      <c r="U16" s="58" t="s">
        <v>11</v>
      </c>
      <c r="V16" s="77" t="s">
        <v>11</v>
      </c>
    </row>
    <row r="17" spans="1:22" ht="20.100000000000001" customHeight="1" x14ac:dyDescent="0.2">
      <c r="A17" s="87">
        <v>1983</v>
      </c>
      <c r="B17" s="90" t="s">
        <v>14</v>
      </c>
      <c r="C17" s="30" t="s">
        <v>12</v>
      </c>
      <c r="D17" s="29">
        <v>87</v>
      </c>
      <c r="E17" s="7" t="s">
        <v>11</v>
      </c>
      <c r="F17" s="53" t="s">
        <v>11</v>
      </c>
      <c r="G17" s="7" t="s">
        <v>11</v>
      </c>
      <c r="H17" s="8">
        <v>2</v>
      </c>
      <c r="I17" s="8" t="s">
        <v>11</v>
      </c>
      <c r="J17" s="53">
        <v>34</v>
      </c>
      <c r="K17" s="8" t="s">
        <v>11</v>
      </c>
      <c r="L17" s="8" t="s">
        <v>11</v>
      </c>
      <c r="M17" s="7" t="s">
        <v>11</v>
      </c>
      <c r="N17" s="8">
        <v>5</v>
      </c>
      <c r="O17" s="85">
        <v>2</v>
      </c>
      <c r="P17" s="85"/>
      <c r="Q17" s="53" t="s">
        <v>11</v>
      </c>
      <c r="R17" s="53">
        <v>26</v>
      </c>
      <c r="S17" s="50" t="s">
        <v>11</v>
      </c>
      <c r="T17" s="53">
        <v>2</v>
      </c>
      <c r="U17" s="53">
        <v>9</v>
      </c>
      <c r="V17" s="37">
        <v>7</v>
      </c>
    </row>
    <row r="18" spans="1:22" ht="20.100000000000001" customHeight="1" x14ac:dyDescent="0.2">
      <c r="A18" s="88"/>
      <c r="B18" s="91"/>
      <c r="C18" s="6" t="s">
        <v>8</v>
      </c>
      <c r="D18" s="28">
        <v>97</v>
      </c>
      <c r="E18" s="27">
        <v>1</v>
      </c>
      <c r="F18" s="54">
        <v>8</v>
      </c>
      <c r="G18" s="27">
        <v>1</v>
      </c>
      <c r="H18" s="5" t="s">
        <v>11</v>
      </c>
      <c r="I18" s="27" t="s">
        <v>11</v>
      </c>
      <c r="J18" s="54">
        <v>23</v>
      </c>
      <c r="K18" s="27" t="s">
        <v>11</v>
      </c>
      <c r="L18" s="27" t="s">
        <v>11</v>
      </c>
      <c r="M18" s="5" t="s">
        <v>11</v>
      </c>
      <c r="N18" s="5" t="s">
        <v>11</v>
      </c>
      <c r="O18" s="84">
        <v>9</v>
      </c>
      <c r="P18" s="84"/>
      <c r="Q18" s="54">
        <v>16</v>
      </c>
      <c r="R18" s="54" t="s">
        <v>11</v>
      </c>
      <c r="S18" s="54">
        <v>39</v>
      </c>
      <c r="T18" s="54" t="s">
        <v>11</v>
      </c>
      <c r="U18" s="51" t="s">
        <v>11</v>
      </c>
      <c r="V18" s="75" t="s">
        <v>11</v>
      </c>
    </row>
    <row r="19" spans="1:22" ht="20.100000000000001" customHeight="1" x14ac:dyDescent="0.2">
      <c r="A19" s="89"/>
      <c r="B19" s="92"/>
      <c r="C19" s="26" t="s">
        <v>7</v>
      </c>
      <c r="D19" s="25">
        <v>106</v>
      </c>
      <c r="E19" s="24" t="s">
        <v>11</v>
      </c>
      <c r="F19" s="59" t="s">
        <v>11</v>
      </c>
      <c r="G19" s="24" t="s">
        <v>11</v>
      </c>
      <c r="H19" s="24" t="s">
        <v>11</v>
      </c>
      <c r="I19" s="23" t="s">
        <v>11</v>
      </c>
      <c r="J19" s="59">
        <v>25</v>
      </c>
      <c r="K19" s="23">
        <v>3</v>
      </c>
      <c r="L19" s="23" t="s">
        <v>11</v>
      </c>
      <c r="M19" s="23">
        <v>9</v>
      </c>
      <c r="N19" s="24" t="s">
        <v>11</v>
      </c>
      <c r="O19" s="86">
        <v>4</v>
      </c>
      <c r="P19" s="86"/>
      <c r="Q19" s="59" t="s">
        <v>11</v>
      </c>
      <c r="R19" s="59">
        <v>2</v>
      </c>
      <c r="S19" s="59">
        <v>6</v>
      </c>
      <c r="T19" s="59">
        <v>51</v>
      </c>
      <c r="U19" s="56">
        <v>6</v>
      </c>
      <c r="V19" s="76" t="s">
        <v>11</v>
      </c>
    </row>
    <row r="20" spans="1:22" ht="20.100000000000001" customHeight="1" x14ac:dyDescent="0.2">
      <c r="A20" s="93">
        <v>1988</v>
      </c>
      <c r="B20" s="95" t="s">
        <v>13</v>
      </c>
      <c r="C20" s="36" t="s">
        <v>12</v>
      </c>
      <c r="D20" s="35">
        <v>68</v>
      </c>
      <c r="E20" s="18" t="s">
        <v>11</v>
      </c>
      <c r="F20" s="49" t="s">
        <v>11</v>
      </c>
      <c r="G20" s="18" t="s">
        <v>11</v>
      </c>
      <c r="H20" s="18" t="s">
        <v>11</v>
      </c>
      <c r="I20" s="19" t="s">
        <v>11</v>
      </c>
      <c r="J20" s="49">
        <v>34</v>
      </c>
      <c r="K20" s="19" t="s">
        <v>11</v>
      </c>
      <c r="L20" s="19" t="s">
        <v>11</v>
      </c>
      <c r="M20" s="18" t="s">
        <v>11</v>
      </c>
      <c r="N20" s="19">
        <v>3</v>
      </c>
      <c r="O20" s="83">
        <v>2</v>
      </c>
      <c r="P20" s="83"/>
      <c r="Q20" s="49">
        <v>1</v>
      </c>
      <c r="R20" s="49">
        <v>28</v>
      </c>
      <c r="S20" s="57" t="s">
        <v>11</v>
      </c>
      <c r="T20" s="49" t="s">
        <v>11</v>
      </c>
      <c r="U20" s="57" t="s">
        <v>11</v>
      </c>
      <c r="V20" s="78" t="s">
        <v>11</v>
      </c>
    </row>
    <row r="21" spans="1:22" ht="20.100000000000001" customHeight="1" x14ac:dyDescent="0.2">
      <c r="A21" s="88"/>
      <c r="B21" s="91"/>
      <c r="C21" s="6" t="s">
        <v>8</v>
      </c>
      <c r="D21" s="28">
        <v>90</v>
      </c>
      <c r="E21" s="5" t="s">
        <v>11</v>
      </c>
      <c r="F21" s="54" t="s">
        <v>11</v>
      </c>
      <c r="G21" s="5" t="s">
        <v>11</v>
      </c>
      <c r="H21" s="5" t="s">
        <v>11</v>
      </c>
      <c r="I21" s="27" t="s">
        <v>11</v>
      </c>
      <c r="J21" s="54">
        <v>46</v>
      </c>
      <c r="K21" s="27" t="s">
        <v>11</v>
      </c>
      <c r="L21" s="27" t="s">
        <v>11</v>
      </c>
      <c r="M21" s="5" t="s">
        <v>11</v>
      </c>
      <c r="N21" s="5" t="s">
        <v>11</v>
      </c>
      <c r="O21" s="84">
        <v>8</v>
      </c>
      <c r="P21" s="84"/>
      <c r="Q21" s="54">
        <v>13</v>
      </c>
      <c r="R21" s="54">
        <v>2</v>
      </c>
      <c r="S21" s="54">
        <v>17</v>
      </c>
      <c r="T21" s="54" t="s">
        <v>11</v>
      </c>
      <c r="U21" s="54">
        <v>4</v>
      </c>
      <c r="V21" s="75" t="s">
        <v>11</v>
      </c>
    </row>
    <row r="22" spans="1:22" ht="20.100000000000001" customHeight="1" x14ac:dyDescent="0.2">
      <c r="A22" s="94"/>
      <c r="B22" s="96"/>
      <c r="C22" s="33" t="s">
        <v>7</v>
      </c>
      <c r="D22" s="32">
        <v>103</v>
      </c>
      <c r="E22" s="14" t="s">
        <v>11</v>
      </c>
      <c r="F22" s="55">
        <v>7</v>
      </c>
      <c r="G22" s="14" t="s">
        <v>11</v>
      </c>
      <c r="H22" s="14" t="s">
        <v>11</v>
      </c>
      <c r="I22" s="31" t="s">
        <v>11</v>
      </c>
      <c r="J22" s="55">
        <v>20</v>
      </c>
      <c r="K22" s="31">
        <v>1</v>
      </c>
      <c r="L22" s="31" t="s">
        <v>11</v>
      </c>
      <c r="M22" s="31">
        <v>4</v>
      </c>
      <c r="N22" s="14" t="s">
        <v>11</v>
      </c>
      <c r="O22" s="81">
        <v>5</v>
      </c>
      <c r="P22" s="81"/>
      <c r="Q22" s="55" t="s">
        <v>11</v>
      </c>
      <c r="R22" s="55">
        <v>2</v>
      </c>
      <c r="S22" s="55">
        <v>4</v>
      </c>
      <c r="T22" s="55">
        <v>53</v>
      </c>
      <c r="U22" s="55">
        <v>7</v>
      </c>
      <c r="V22" s="77" t="s">
        <v>11</v>
      </c>
    </row>
    <row r="23" spans="1:22" ht="20.100000000000001" customHeight="1" x14ac:dyDescent="0.2">
      <c r="A23" s="87">
        <v>1993</v>
      </c>
      <c r="B23" s="90" t="s">
        <v>47</v>
      </c>
      <c r="C23" s="30" t="s">
        <v>12</v>
      </c>
      <c r="D23" s="29">
        <f>SUM(E23:V23)</f>
        <v>68</v>
      </c>
      <c r="E23" s="7" t="s">
        <v>11</v>
      </c>
      <c r="F23" s="53" t="s">
        <v>11</v>
      </c>
      <c r="G23" s="7" t="s">
        <v>11</v>
      </c>
      <c r="H23" s="7" t="s">
        <v>11</v>
      </c>
      <c r="I23" s="8" t="s">
        <v>11</v>
      </c>
      <c r="J23" s="53">
        <v>21</v>
      </c>
      <c r="K23" s="8" t="s">
        <v>11</v>
      </c>
      <c r="L23" s="8" t="s">
        <v>11</v>
      </c>
      <c r="M23" s="7" t="s">
        <v>11</v>
      </c>
      <c r="N23" s="8">
        <v>3</v>
      </c>
      <c r="O23" s="85">
        <v>2</v>
      </c>
      <c r="P23" s="85"/>
      <c r="Q23" s="53">
        <v>4</v>
      </c>
      <c r="R23" s="53">
        <v>37</v>
      </c>
      <c r="S23" s="50" t="s">
        <v>11</v>
      </c>
      <c r="T23" s="53">
        <v>1</v>
      </c>
      <c r="U23" s="50" t="s">
        <v>11</v>
      </c>
      <c r="V23" s="79" t="s">
        <v>11</v>
      </c>
    </row>
    <row r="24" spans="1:22" ht="20.100000000000001" customHeight="1" x14ac:dyDescent="0.2">
      <c r="A24" s="88"/>
      <c r="B24" s="91"/>
      <c r="C24" s="6" t="s">
        <v>8</v>
      </c>
      <c r="D24" s="28">
        <v>72</v>
      </c>
      <c r="E24" s="5" t="s">
        <v>11</v>
      </c>
      <c r="F24" s="54" t="s">
        <v>11</v>
      </c>
      <c r="G24" s="5" t="s">
        <v>11</v>
      </c>
      <c r="H24" s="5" t="s">
        <v>11</v>
      </c>
      <c r="I24" s="27" t="s">
        <v>11</v>
      </c>
      <c r="J24" s="54">
        <v>47</v>
      </c>
      <c r="K24" s="27" t="s">
        <v>11</v>
      </c>
      <c r="L24" s="27" t="s">
        <v>11</v>
      </c>
      <c r="M24" s="5" t="s">
        <v>11</v>
      </c>
      <c r="N24" s="5" t="s">
        <v>11</v>
      </c>
      <c r="O24" s="84">
        <v>8</v>
      </c>
      <c r="P24" s="84"/>
      <c r="Q24" s="54">
        <v>3</v>
      </c>
      <c r="R24" s="54">
        <v>3</v>
      </c>
      <c r="S24" s="54">
        <v>7</v>
      </c>
      <c r="T24" s="54" t="s">
        <v>11</v>
      </c>
      <c r="U24" s="54">
        <v>4</v>
      </c>
      <c r="V24" s="75" t="s">
        <v>11</v>
      </c>
    </row>
    <row r="25" spans="1:22" ht="20.100000000000001" customHeight="1" x14ac:dyDescent="0.2">
      <c r="A25" s="89"/>
      <c r="B25" s="92"/>
      <c r="C25" s="26" t="s">
        <v>7</v>
      </c>
      <c r="D25" s="25">
        <v>88</v>
      </c>
      <c r="E25" s="24" t="s">
        <v>11</v>
      </c>
      <c r="F25" s="59">
        <v>1</v>
      </c>
      <c r="G25" s="24" t="s">
        <v>11</v>
      </c>
      <c r="H25" s="24" t="s">
        <v>11</v>
      </c>
      <c r="I25" s="23" t="s">
        <v>11</v>
      </c>
      <c r="J25" s="59">
        <v>16</v>
      </c>
      <c r="K25" s="23" t="s">
        <v>11</v>
      </c>
      <c r="L25" s="23" t="s">
        <v>11</v>
      </c>
      <c r="M25" s="24" t="s">
        <v>11</v>
      </c>
      <c r="N25" s="24" t="s">
        <v>11</v>
      </c>
      <c r="O25" s="86">
        <v>6</v>
      </c>
      <c r="P25" s="86"/>
      <c r="Q25" s="59">
        <v>2</v>
      </c>
      <c r="R25" s="59">
        <v>6</v>
      </c>
      <c r="S25" s="59">
        <v>4</v>
      </c>
      <c r="T25" s="59">
        <v>46</v>
      </c>
      <c r="U25" s="59">
        <v>7</v>
      </c>
      <c r="V25" s="76" t="s">
        <v>11</v>
      </c>
    </row>
    <row r="26" spans="1:22" ht="20.100000000000001" customHeight="1" x14ac:dyDescent="0.2">
      <c r="A26" s="93">
        <v>1998</v>
      </c>
      <c r="B26" s="95" t="s">
        <v>46</v>
      </c>
      <c r="C26" s="36" t="s">
        <v>10</v>
      </c>
      <c r="D26" s="35">
        <v>55</v>
      </c>
      <c r="E26" s="18" t="s">
        <v>11</v>
      </c>
      <c r="F26" s="49">
        <v>14</v>
      </c>
      <c r="G26" s="18" t="s">
        <v>11</v>
      </c>
      <c r="H26" s="18" t="s">
        <v>11</v>
      </c>
      <c r="I26" s="19" t="s">
        <v>11</v>
      </c>
      <c r="J26" s="49">
        <v>24</v>
      </c>
      <c r="K26" s="19" t="s">
        <v>11</v>
      </c>
      <c r="L26" s="19" t="s">
        <v>11</v>
      </c>
      <c r="M26" s="18" t="s">
        <v>11</v>
      </c>
      <c r="N26" s="18" t="s">
        <v>11</v>
      </c>
      <c r="O26" s="83">
        <v>2</v>
      </c>
      <c r="P26" s="83"/>
      <c r="Q26" s="49">
        <v>8</v>
      </c>
      <c r="R26" s="49" t="s">
        <v>11</v>
      </c>
      <c r="S26" s="57" t="s">
        <v>11</v>
      </c>
      <c r="T26" s="49">
        <v>3</v>
      </c>
      <c r="U26" s="57" t="s">
        <v>11</v>
      </c>
      <c r="V26" s="34">
        <v>4</v>
      </c>
    </row>
    <row r="27" spans="1:22" ht="20.100000000000001" customHeight="1" x14ac:dyDescent="0.2">
      <c r="A27" s="88"/>
      <c r="B27" s="91"/>
      <c r="C27" s="6" t="s">
        <v>8</v>
      </c>
      <c r="D27" s="28">
        <v>66</v>
      </c>
      <c r="E27" s="5" t="s">
        <v>11</v>
      </c>
      <c r="F27" s="54">
        <v>1</v>
      </c>
      <c r="G27" s="5" t="s">
        <v>11</v>
      </c>
      <c r="H27" s="5" t="s">
        <v>11</v>
      </c>
      <c r="I27" s="27" t="s">
        <v>11</v>
      </c>
      <c r="J27" s="54">
        <v>28</v>
      </c>
      <c r="K27" s="27" t="s">
        <v>11</v>
      </c>
      <c r="L27" s="27" t="s">
        <v>11</v>
      </c>
      <c r="M27" s="5" t="s">
        <v>11</v>
      </c>
      <c r="N27" s="5" t="s">
        <v>11</v>
      </c>
      <c r="O27" s="84">
        <v>25</v>
      </c>
      <c r="P27" s="84"/>
      <c r="Q27" s="54">
        <v>1</v>
      </c>
      <c r="R27" s="54" t="s">
        <v>11</v>
      </c>
      <c r="S27" s="54">
        <v>4</v>
      </c>
      <c r="T27" s="54">
        <v>4</v>
      </c>
      <c r="U27" s="54">
        <v>3</v>
      </c>
      <c r="V27" s="75" t="s">
        <v>11</v>
      </c>
    </row>
    <row r="28" spans="1:22" ht="20.100000000000001" customHeight="1" x14ac:dyDescent="0.2">
      <c r="A28" s="94"/>
      <c r="B28" s="96"/>
      <c r="C28" s="33" t="s">
        <v>7</v>
      </c>
      <c r="D28" s="32">
        <v>70</v>
      </c>
      <c r="E28" s="14" t="s">
        <v>11</v>
      </c>
      <c r="F28" s="55" t="s">
        <v>11</v>
      </c>
      <c r="G28" s="14" t="s">
        <v>11</v>
      </c>
      <c r="H28" s="14" t="s">
        <v>11</v>
      </c>
      <c r="I28" s="31" t="s">
        <v>11</v>
      </c>
      <c r="J28" s="55">
        <v>8</v>
      </c>
      <c r="K28" s="31">
        <v>1</v>
      </c>
      <c r="L28" s="31" t="s">
        <v>11</v>
      </c>
      <c r="M28" s="31">
        <v>1</v>
      </c>
      <c r="N28" s="14" t="s">
        <v>11</v>
      </c>
      <c r="O28" s="81">
        <v>4</v>
      </c>
      <c r="P28" s="81"/>
      <c r="Q28" s="55">
        <v>1</v>
      </c>
      <c r="R28" s="55">
        <v>1</v>
      </c>
      <c r="S28" s="58" t="s">
        <v>11</v>
      </c>
      <c r="T28" s="55">
        <v>49</v>
      </c>
      <c r="U28" s="55">
        <v>5</v>
      </c>
      <c r="V28" s="77" t="s">
        <v>11</v>
      </c>
    </row>
    <row r="29" spans="1:22" ht="20.100000000000001" customHeight="1" x14ac:dyDescent="0.2">
      <c r="A29" s="87">
        <v>2003</v>
      </c>
      <c r="B29" s="90" t="s">
        <v>45</v>
      </c>
      <c r="C29" s="30" t="s">
        <v>10</v>
      </c>
      <c r="D29" s="29">
        <v>48</v>
      </c>
      <c r="E29" s="7" t="s">
        <v>0</v>
      </c>
      <c r="F29" s="53">
        <v>7</v>
      </c>
      <c r="G29" s="7" t="s">
        <v>0</v>
      </c>
      <c r="H29" s="7" t="s">
        <v>0</v>
      </c>
      <c r="I29" s="8" t="s">
        <v>9</v>
      </c>
      <c r="J29" s="53">
        <v>30</v>
      </c>
      <c r="K29" s="8" t="s">
        <v>9</v>
      </c>
      <c r="L29" s="8" t="s">
        <v>9</v>
      </c>
      <c r="M29" s="7" t="s">
        <v>0</v>
      </c>
      <c r="N29" s="7" t="s">
        <v>0</v>
      </c>
      <c r="O29" s="53" t="s">
        <v>0</v>
      </c>
      <c r="P29" s="53">
        <v>2</v>
      </c>
      <c r="Q29" s="53">
        <v>7</v>
      </c>
      <c r="R29" s="53" t="s">
        <v>9</v>
      </c>
      <c r="S29" s="50" t="s">
        <v>0</v>
      </c>
      <c r="T29" s="53">
        <v>2</v>
      </c>
      <c r="U29" s="50" t="s">
        <v>0</v>
      </c>
      <c r="V29" s="70"/>
    </row>
    <row r="30" spans="1:22" ht="20.100000000000001" customHeight="1" x14ac:dyDescent="0.2">
      <c r="A30" s="88"/>
      <c r="B30" s="91"/>
      <c r="C30" s="6" t="s">
        <v>8</v>
      </c>
      <c r="D30" s="28">
        <v>47</v>
      </c>
      <c r="E30" s="5" t="s">
        <v>0</v>
      </c>
      <c r="F30" s="54" t="s">
        <v>0</v>
      </c>
      <c r="G30" s="5" t="s">
        <v>0</v>
      </c>
      <c r="H30" s="5" t="s">
        <v>0</v>
      </c>
      <c r="I30" s="27" t="s">
        <v>0</v>
      </c>
      <c r="J30" s="54">
        <v>30</v>
      </c>
      <c r="K30" s="27" t="s">
        <v>0</v>
      </c>
      <c r="L30" s="27" t="s">
        <v>0</v>
      </c>
      <c r="M30" s="5" t="s">
        <v>0</v>
      </c>
      <c r="N30" s="5" t="s">
        <v>0</v>
      </c>
      <c r="O30" s="54" t="s">
        <v>0</v>
      </c>
      <c r="P30" s="54">
        <v>9</v>
      </c>
      <c r="Q30" s="54">
        <v>2</v>
      </c>
      <c r="R30" s="54" t="s">
        <v>0</v>
      </c>
      <c r="S30" s="54">
        <v>1</v>
      </c>
      <c r="T30" s="54">
        <v>1</v>
      </c>
      <c r="U30" s="54">
        <v>4</v>
      </c>
      <c r="V30" s="71"/>
    </row>
    <row r="31" spans="1:22" ht="20.100000000000001" customHeight="1" x14ac:dyDescent="0.2">
      <c r="A31" s="89"/>
      <c r="B31" s="92"/>
      <c r="C31" s="26" t="s">
        <v>7</v>
      </c>
      <c r="D31" s="25">
        <v>59</v>
      </c>
      <c r="E31" s="24" t="s">
        <v>0</v>
      </c>
      <c r="F31" s="59">
        <v>5</v>
      </c>
      <c r="G31" s="24" t="s">
        <v>0</v>
      </c>
      <c r="H31" s="24" t="s">
        <v>0</v>
      </c>
      <c r="I31" s="23" t="s">
        <v>0</v>
      </c>
      <c r="J31" s="59">
        <v>20</v>
      </c>
      <c r="K31" s="23" t="s">
        <v>0</v>
      </c>
      <c r="L31" s="23" t="s">
        <v>0</v>
      </c>
      <c r="M31" s="23">
        <v>1</v>
      </c>
      <c r="N31" s="24" t="s">
        <v>0</v>
      </c>
      <c r="O31" s="59" t="s">
        <v>0</v>
      </c>
      <c r="P31" s="59">
        <v>2</v>
      </c>
      <c r="Q31" s="59" t="s">
        <v>0</v>
      </c>
      <c r="R31" s="59" t="s">
        <v>0</v>
      </c>
      <c r="S31" s="56" t="s">
        <v>0</v>
      </c>
      <c r="T31" s="59">
        <v>27</v>
      </c>
      <c r="U31" s="59">
        <v>4</v>
      </c>
      <c r="V31" s="72"/>
    </row>
    <row r="32" spans="1:22" ht="20.100000000000001" customHeight="1" x14ac:dyDescent="0.2">
      <c r="A32" s="93">
        <v>2008</v>
      </c>
      <c r="B32" s="95" t="s">
        <v>44</v>
      </c>
      <c r="C32" s="22" t="s">
        <v>4</v>
      </c>
      <c r="D32" s="21">
        <v>48</v>
      </c>
      <c r="E32" s="18" t="s">
        <v>6</v>
      </c>
      <c r="F32" s="20" t="s">
        <v>6</v>
      </c>
      <c r="G32" s="18" t="s">
        <v>6</v>
      </c>
      <c r="H32" s="18" t="s">
        <v>6</v>
      </c>
      <c r="I32" s="20" t="s">
        <v>6</v>
      </c>
      <c r="J32" s="20">
        <v>37</v>
      </c>
      <c r="K32" s="20" t="s">
        <v>6</v>
      </c>
      <c r="L32" s="20" t="s">
        <v>6</v>
      </c>
      <c r="M32" s="18" t="s">
        <v>6</v>
      </c>
      <c r="N32" s="18" t="s">
        <v>6</v>
      </c>
      <c r="O32" s="20" t="s">
        <v>6</v>
      </c>
      <c r="P32" s="20">
        <v>1</v>
      </c>
      <c r="Q32" s="49">
        <v>5</v>
      </c>
      <c r="R32" s="83" t="s">
        <v>6</v>
      </c>
      <c r="S32" s="83"/>
      <c r="T32" s="49">
        <v>2</v>
      </c>
      <c r="U32" s="57" t="s">
        <v>6</v>
      </c>
      <c r="V32" s="73"/>
    </row>
    <row r="33" spans="1:22" ht="20.100000000000001" customHeight="1" x14ac:dyDescent="0.2">
      <c r="A33" s="88"/>
      <c r="B33" s="91"/>
      <c r="C33" s="17" t="s">
        <v>3</v>
      </c>
      <c r="D33" s="65">
        <v>43</v>
      </c>
      <c r="E33" s="5" t="s">
        <v>0</v>
      </c>
      <c r="F33" s="68">
        <v>3</v>
      </c>
      <c r="G33" s="5" t="s">
        <v>0</v>
      </c>
      <c r="H33" s="5" t="s">
        <v>0</v>
      </c>
      <c r="I33" s="16" t="s">
        <v>0</v>
      </c>
      <c r="J33" s="68">
        <v>21</v>
      </c>
      <c r="K33" s="16" t="s">
        <v>0</v>
      </c>
      <c r="L33" s="16" t="s">
        <v>0</v>
      </c>
      <c r="M33" s="68">
        <v>1</v>
      </c>
      <c r="N33" s="5" t="s">
        <v>0</v>
      </c>
      <c r="O33" s="68" t="s">
        <v>0</v>
      </c>
      <c r="P33" s="68">
        <v>8</v>
      </c>
      <c r="Q33" s="51" t="s">
        <v>0</v>
      </c>
      <c r="R33" s="84">
        <v>6</v>
      </c>
      <c r="S33" s="84"/>
      <c r="T33" s="51">
        <v>1</v>
      </c>
      <c r="U33" s="51">
        <v>1</v>
      </c>
      <c r="V33" s="71"/>
    </row>
    <row r="34" spans="1:22" ht="20.100000000000001" customHeight="1" x14ac:dyDescent="0.2">
      <c r="A34" s="94"/>
      <c r="B34" s="96"/>
      <c r="C34" s="15" t="s">
        <v>1</v>
      </c>
      <c r="D34" s="66">
        <v>52</v>
      </c>
      <c r="E34" s="14" t="s">
        <v>0</v>
      </c>
      <c r="F34" s="69">
        <v>12</v>
      </c>
      <c r="G34" s="14" t="s">
        <v>0</v>
      </c>
      <c r="H34" s="14" t="s">
        <v>0</v>
      </c>
      <c r="I34" s="13" t="s">
        <v>0</v>
      </c>
      <c r="J34" s="69">
        <v>8</v>
      </c>
      <c r="K34" s="69">
        <v>1</v>
      </c>
      <c r="L34" s="13" t="s">
        <v>0</v>
      </c>
      <c r="M34" s="14" t="s">
        <v>0</v>
      </c>
      <c r="N34" s="14" t="s">
        <v>0</v>
      </c>
      <c r="O34" s="69" t="s">
        <v>0</v>
      </c>
      <c r="P34" s="69">
        <v>2</v>
      </c>
      <c r="Q34" s="58" t="s">
        <v>0</v>
      </c>
      <c r="R34" s="81">
        <v>3</v>
      </c>
      <c r="S34" s="81"/>
      <c r="T34" s="58">
        <v>21</v>
      </c>
      <c r="U34" s="58">
        <v>5</v>
      </c>
      <c r="V34" s="74"/>
    </row>
    <row r="35" spans="1:22" ht="20.100000000000001" customHeight="1" x14ac:dyDescent="0.2">
      <c r="A35" s="93">
        <v>2013</v>
      </c>
      <c r="B35" s="95" t="s">
        <v>5</v>
      </c>
      <c r="C35" s="11" t="s">
        <v>4</v>
      </c>
      <c r="D35" s="10">
        <v>46</v>
      </c>
      <c r="E35" s="46" t="s">
        <v>0</v>
      </c>
      <c r="F35" s="9">
        <v>7</v>
      </c>
      <c r="G35" s="46" t="s">
        <v>0</v>
      </c>
      <c r="H35" s="46" t="s">
        <v>0</v>
      </c>
      <c r="I35" s="9" t="s">
        <v>0</v>
      </c>
      <c r="J35" s="9">
        <v>35</v>
      </c>
      <c r="K35" s="9" t="s">
        <v>0</v>
      </c>
      <c r="L35" s="9" t="s">
        <v>0</v>
      </c>
      <c r="M35" s="9">
        <v>1</v>
      </c>
      <c r="N35" s="46" t="s">
        <v>0</v>
      </c>
      <c r="O35" s="9" t="s">
        <v>0</v>
      </c>
      <c r="P35" s="9">
        <v>1</v>
      </c>
      <c r="Q35" s="53">
        <v>2</v>
      </c>
      <c r="R35" s="85" t="s">
        <v>0</v>
      </c>
      <c r="S35" s="85"/>
      <c r="T35" s="53" t="s">
        <v>0</v>
      </c>
      <c r="U35" s="50" t="s">
        <v>0</v>
      </c>
      <c r="V35" s="70"/>
    </row>
    <row r="36" spans="1:22" ht="20.100000000000001" customHeight="1" x14ac:dyDescent="0.2">
      <c r="A36" s="88"/>
      <c r="B36" s="91"/>
      <c r="C36" s="6" t="s">
        <v>3</v>
      </c>
      <c r="D36" s="61">
        <v>33</v>
      </c>
      <c r="E36" s="47" t="s">
        <v>0</v>
      </c>
      <c r="F36" s="51" t="s">
        <v>0</v>
      </c>
      <c r="G36" s="47" t="s">
        <v>0</v>
      </c>
      <c r="H36" s="47" t="s">
        <v>0</v>
      </c>
      <c r="I36" s="4" t="s">
        <v>0</v>
      </c>
      <c r="J36" s="51" t="s">
        <v>0</v>
      </c>
      <c r="K36" s="4" t="s">
        <v>0</v>
      </c>
      <c r="L36" s="4" t="s">
        <v>0</v>
      </c>
      <c r="M36" s="47" t="s">
        <v>0</v>
      </c>
      <c r="N36" s="47" t="s">
        <v>0</v>
      </c>
      <c r="O36" s="51" t="s">
        <v>0</v>
      </c>
      <c r="P36" s="51">
        <v>8</v>
      </c>
      <c r="Q36" s="51" t="s">
        <v>0</v>
      </c>
      <c r="R36" s="84" t="s">
        <v>0</v>
      </c>
      <c r="S36" s="84"/>
      <c r="T36" s="51">
        <v>5</v>
      </c>
      <c r="U36" s="51">
        <v>2</v>
      </c>
      <c r="V36" s="71"/>
    </row>
    <row r="37" spans="1:22" ht="20.100000000000001" customHeight="1" x14ac:dyDescent="0.2">
      <c r="A37" s="94"/>
      <c r="B37" s="96"/>
      <c r="C37" s="33" t="s">
        <v>1</v>
      </c>
      <c r="D37" s="62">
        <v>39</v>
      </c>
      <c r="E37" s="14" t="s">
        <v>0</v>
      </c>
      <c r="F37" s="58">
        <v>6</v>
      </c>
      <c r="G37" s="14" t="s">
        <v>0</v>
      </c>
      <c r="H37" s="48" t="s">
        <v>0</v>
      </c>
      <c r="I37" s="60" t="s">
        <v>0</v>
      </c>
      <c r="J37" s="56">
        <v>3</v>
      </c>
      <c r="K37" s="60" t="s">
        <v>0</v>
      </c>
      <c r="L37" s="12" t="s">
        <v>0</v>
      </c>
      <c r="M37" s="48" t="s">
        <v>0</v>
      </c>
      <c r="N37" s="48" t="s">
        <v>0</v>
      </c>
      <c r="O37" s="58" t="s">
        <v>0</v>
      </c>
      <c r="P37" s="56">
        <v>4</v>
      </c>
      <c r="Q37" s="58" t="s">
        <v>0</v>
      </c>
      <c r="R37" s="86" t="s">
        <v>0</v>
      </c>
      <c r="S37" s="86"/>
      <c r="T37" s="56">
        <v>23</v>
      </c>
      <c r="U37" s="58">
        <v>3</v>
      </c>
      <c r="V37" s="72"/>
    </row>
    <row r="38" spans="1:22" ht="19.5" customHeight="1" x14ac:dyDescent="0.2">
      <c r="A38" s="87">
        <v>2018</v>
      </c>
      <c r="B38" s="90" t="s">
        <v>48</v>
      </c>
      <c r="C38" s="11" t="s">
        <v>4</v>
      </c>
      <c r="D38" s="10">
        <v>41</v>
      </c>
      <c r="E38" s="7" t="s">
        <v>0</v>
      </c>
      <c r="F38" s="9">
        <v>30</v>
      </c>
      <c r="G38" s="7" t="s">
        <v>0</v>
      </c>
      <c r="H38" s="18" t="s">
        <v>0</v>
      </c>
      <c r="I38" s="20" t="s">
        <v>0</v>
      </c>
      <c r="J38" s="20">
        <v>35</v>
      </c>
      <c r="K38" s="20" t="s">
        <v>0</v>
      </c>
      <c r="L38" s="9" t="s">
        <v>0</v>
      </c>
      <c r="M38" s="20" t="s">
        <v>50</v>
      </c>
      <c r="N38" s="18" t="s">
        <v>0</v>
      </c>
      <c r="O38" s="9" t="s">
        <v>0</v>
      </c>
      <c r="P38" s="20">
        <v>1</v>
      </c>
      <c r="Q38" s="53" t="s">
        <v>49</v>
      </c>
      <c r="R38" s="83" t="s">
        <v>0</v>
      </c>
      <c r="S38" s="83"/>
      <c r="T38" s="49">
        <v>28</v>
      </c>
      <c r="U38" s="50" t="s">
        <v>0</v>
      </c>
      <c r="V38" s="73"/>
    </row>
    <row r="39" spans="1:22" ht="19.5" customHeight="1" x14ac:dyDescent="0.2">
      <c r="A39" s="88"/>
      <c r="B39" s="91"/>
      <c r="C39" s="6" t="s">
        <v>3</v>
      </c>
      <c r="D39" s="61">
        <v>24</v>
      </c>
      <c r="E39" s="5" t="s">
        <v>2</v>
      </c>
      <c r="F39" s="51">
        <v>15</v>
      </c>
      <c r="G39" s="5" t="s">
        <v>2</v>
      </c>
      <c r="H39" s="5" t="s">
        <v>2</v>
      </c>
      <c r="I39" s="4" t="s">
        <v>2</v>
      </c>
      <c r="J39" s="51">
        <v>23</v>
      </c>
      <c r="K39" s="4" t="s">
        <v>2</v>
      </c>
      <c r="L39" s="4" t="s">
        <v>2</v>
      </c>
      <c r="M39" s="5" t="s">
        <v>2</v>
      </c>
      <c r="N39" s="5" t="s">
        <v>2</v>
      </c>
      <c r="O39" s="51" t="s">
        <v>2</v>
      </c>
      <c r="P39" s="51">
        <v>15</v>
      </c>
      <c r="Q39" s="51">
        <v>4</v>
      </c>
      <c r="R39" s="84" t="s">
        <v>2</v>
      </c>
      <c r="S39" s="84"/>
      <c r="T39" s="51">
        <v>27</v>
      </c>
      <c r="U39" s="51" t="s">
        <v>49</v>
      </c>
      <c r="V39" s="71"/>
    </row>
    <row r="40" spans="1:22" ht="19.5" customHeight="1" thickBot="1" x14ac:dyDescent="0.25">
      <c r="A40" s="98"/>
      <c r="B40" s="99"/>
      <c r="C40" s="3" t="s">
        <v>1</v>
      </c>
      <c r="D40" s="67">
        <v>32</v>
      </c>
      <c r="E40" s="2" t="s">
        <v>0</v>
      </c>
      <c r="F40" s="52">
        <v>14</v>
      </c>
      <c r="G40" s="2" t="s">
        <v>0</v>
      </c>
      <c r="H40" s="2" t="s">
        <v>0</v>
      </c>
      <c r="I40" s="1" t="s">
        <v>0</v>
      </c>
      <c r="J40" s="52">
        <v>17</v>
      </c>
      <c r="K40" s="1" t="s">
        <v>0</v>
      </c>
      <c r="L40" s="1" t="s">
        <v>0</v>
      </c>
      <c r="M40" s="2" t="s">
        <v>0</v>
      </c>
      <c r="N40" s="2" t="s">
        <v>0</v>
      </c>
      <c r="O40" s="52" t="s">
        <v>0</v>
      </c>
      <c r="P40" s="52">
        <v>2</v>
      </c>
      <c r="Q40" s="52" t="s">
        <v>0</v>
      </c>
      <c r="R40" s="100" t="s">
        <v>0</v>
      </c>
      <c r="S40" s="100"/>
      <c r="T40" s="52">
        <v>36</v>
      </c>
      <c r="U40" s="52" t="s">
        <v>49</v>
      </c>
      <c r="V40" s="80"/>
    </row>
  </sheetData>
  <mergeCells count="59">
    <mergeCell ref="R32:S32"/>
    <mergeCell ref="A38:A40"/>
    <mergeCell ref="B38:B40"/>
    <mergeCell ref="R38:S38"/>
    <mergeCell ref="R33:S33"/>
    <mergeCell ref="R34:S34"/>
    <mergeCell ref="R39:S39"/>
    <mergeCell ref="R40:S40"/>
    <mergeCell ref="A35:A37"/>
    <mergeCell ref="B35:B37"/>
    <mergeCell ref="R35:S35"/>
    <mergeCell ref="R36:S36"/>
    <mergeCell ref="R37:S37"/>
    <mergeCell ref="A17:A19"/>
    <mergeCell ref="B17:B19"/>
    <mergeCell ref="A20:A22"/>
    <mergeCell ref="B20:B22"/>
    <mergeCell ref="A32:A34"/>
    <mergeCell ref="B32:B34"/>
    <mergeCell ref="A23:A25"/>
    <mergeCell ref="B23:B25"/>
    <mergeCell ref="A26:A28"/>
    <mergeCell ref="B26:B28"/>
    <mergeCell ref="A29:A31"/>
    <mergeCell ref="B29:B31"/>
    <mergeCell ref="Q3:V3"/>
    <mergeCell ref="A5:A7"/>
    <mergeCell ref="B5:B7"/>
    <mergeCell ref="A8:A10"/>
    <mergeCell ref="B8:B10"/>
    <mergeCell ref="O5:P5"/>
    <mergeCell ref="O6:P6"/>
    <mergeCell ref="O7:P7"/>
    <mergeCell ref="O8:P8"/>
    <mergeCell ref="O9:P9"/>
    <mergeCell ref="O10:P10"/>
    <mergeCell ref="A11:A13"/>
    <mergeCell ref="B11:B13"/>
    <mergeCell ref="O13:P13"/>
    <mergeCell ref="A14:A16"/>
    <mergeCell ref="B14:B16"/>
    <mergeCell ref="O11:P11"/>
    <mergeCell ref="O12:P12"/>
    <mergeCell ref="O14:P14"/>
    <mergeCell ref="O15:P15"/>
    <mergeCell ref="O16:P16"/>
    <mergeCell ref="O28:P28"/>
    <mergeCell ref="B2:N2"/>
    <mergeCell ref="O20:P20"/>
    <mergeCell ref="O21:P21"/>
    <mergeCell ref="O22:P22"/>
    <mergeCell ref="O23:P23"/>
    <mergeCell ref="O24:P24"/>
    <mergeCell ref="O25:P25"/>
    <mergeCell ref="O17:P17"/>
    <mergeCell ref="O18:P18"/>
    <mergeCell ref="O19:P19"/>
    <mergeCell ref="O26:P26"/>
    <mergeCell ref="O27:P27"/>
  </mergeCells>
  <phoneticPr fontId="1"/>
  <printOptions horizontalCentered="1"/>
  <pageMargins left="0.59055118110236227" right="0.59055118110236227" top="0.98425196850393704" bottom="0.39370078740157483" header="0.51181102362204722" footer="0.51181102362204722"/>
  <pageSetup paperSize="9" orientation="landscape" horizontalDpi="4294967293" verticalDpi="300" r:id="rId1"/>
  <headerFooter alignWithMargins="0"/>
  <rowBreaks count="1" manualBreakCount="1">
    <brk id="22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２－３　主とする漁業種類別経営体数</vt:lpstr>
      <vt:lpstr>'２－３　主とする漁業種類別経営体数'!Print_Area</vt:lpstr>
      <vt:lpstr>'２－３　主とする漁業種類別経営体数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作田　洋二</dc:creator>
  <cp:lastModifiedBy>Administrator</cp:lastModifiedBy>
  <cp:lastPrinted>2016-06-28T05:17:37Z</cp:lastPrinted>
  <dcterms:created xsi:type="dcterms:W3CDTF">2016-06-28T05:07:32Z</dcterms:created>
  <dcterms:modified xsi:type="dcterms:W3CDTF">2021-10-14T01:57:56Z</dcterms:modified>
</cp:coreProperties>
</file>